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15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oekschewaard/"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a:extLst>
              <a:ext uri="{FF2B5EF4-FFF2-40B4-BE49-F238E27FC236}">
                <a16:creationId xmlns:a16="http://schemas.microsoft.com/office/drawing/2014/main" id="{FBF7A93B-D4C5-8567-D388-B77FB1E191A8}"/>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5" y="5257800"/>
            <a:ext cx="2226552" cy="127358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AA3A2D1C-BF5A-683F-4CC5-D7C9E1A8F55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3289" y="4395109"/>
            <a:ext cx="1760536" cy="1007027"/>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3</cp:revision>
  <dcterms:created xsi:type="dcterms:W3CDTF">2019-07-30T10:24:44Z</dcterms:created>
  <dcterms:modified xsi:type="dcterms:W3CDTF">2024-01-18T12:15:26Z</dcterms:modified>
</cp:coreProperties>
</file>